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651C336B-45B9-413E-934A-819463E1600E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815" uniqueCount="300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41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9"/>
  <sheetViews>
    <sheetView showGridLines="0" tabSelected="1" topLeftCell="A49" workbookViewId="0">
      <selection activeCell="F58" sqref="F58"/>
    </sheetView>
  </sheetViews>
  <sheetFormatPr defaultColWidth="16.36328125" defaultRowHeight="19.899999999999999" customHeight="1"/>
  <cols>
    <col min="1" max="3" width="16.36328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28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  <c r="R1" s="29"/>
      <c r="S1" s="29"/>
      <c r="T1" s="29"/>
      <c r="U1" s="29"/>
      <c r="V1" s="29"/>
      <c r="W1" s="30"/>
    </row>
    <row r="2" spans="1:23" ht="22.25" customHeight="1">
      <c r="A2" s="26" t="s">
        <v>1</v>
      </c>
      <c r="B2" s="26" t="s">
        <v>2</v>
      </c>
      <c r="C2" s="26" t="s">
        <v>3</v>
      </c>
      <c r="D2" s="26" t="s">
        <v>4</v>
      </c>
      <c r="E2" s="26" t="s">
        <v>5</v>
      </c>
      <c r="F2" s="26" t="s">
        <v>6</v>
      </c>
      <c r="G2" s="26" t="s">
        <v>7</v>
      </c>
      <c r="H2" s="26" t="s">
        <v>8</v>
      </c>
      <c r="I2" s="27"/>
      <c r="J2" s="27"/>
      <c r="K2" s="26" t="s">
        <v>9</v>
      </c>
      <c r="L2" s="27"/>
      <c r="M2" s="27"/>
      <c r="N2" s="26" t="s">
        <v>10</v>
      </c>
      <c r="O2" s="26" t="s">
        <v>11</v>
      </c>
      <c r="P2" s="26" t="s">
        <v>12</v>
      </c>
      <c r="Q2" s="26" t="s">
        <v>13</v>
      </c>
      <c r="R2" s="26" t="s">
        <v>14</v>
      </c>
      <c r="S2" s="26" t="s">
        <v>15</v>
      </c>
      <c r="T2" s="27"/>
      <c r="U2" s="27"/>
      <c r="V2" s="26" t="s">
        <v>16</v>
      </c>
      <c r="W2" s="26" t="s">
        <v>17</v>
      </c>
    </row>
    <row r="3" spans="1:23" ht="22.25" customHeight="1">
      <c r="A3" s="27"/>
      <c r="B3" s="27"/>
      <c r="C3" s="27"/>
      <c r="D3" s="27"/>
      <c r="E3" s="27"/>
      <c r="F3" s="27"/>
      <c r="G3" s="2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27"/>
      <c r="O3" s="27"/>
      <c r="P3" s="27"/>
      <c r="Q3" s="27"/>
      <c r="R3" s="27"/>
      <c r="S3" s="2" t="s">
        <v>24</v>
      </c>
      <c r="T3" s="2" t="s">
        <v>25</v>
      </c>
      <c r="U3" s="2" t="s">
        <v>26</v>
      </c>
      <c r="V3" s="27"/>
      <c r="W3" s="2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34" customFormat="1" ht="19.899999999999999" customHeight="1">
      <c r="A51" s="31">
        <v>617310001</v>
      </c>
      <c r="B51" s="32"/>
      <c r="C51" s="33" t="s">
        <v>272</v>
      </c>
      <c r="D51" s="36" t="s">
        <v>136</v>
      </c>
      <c r="E51" s="32" t="s">
        <v>44</v>
      </c>
      <c r="F51" s="32"/>
      <c r="G51" s="32" t="s">
        <v>104</v>
      </c>
      <c r="H51" s="35"/>
      <c r="I51" s="35"/>
      <c r="J51" s="35" t="s">
        <v>108</v>
      </c>
      <c r="K51" s="35" t="s">
        <v>72</v>
      </c>
      <c r="L51" s="35"/>
      <c r="M51" s="35"/>
      <c r="N51" s="35" t="s">
        <v>273</v>
      </c>
      <c r="O51" s="35" t="s">
        <v>134</v>
      </c>
      <c r="P51" s="35">
        <v>78</v>
      </c>
      <c r="Q51" s="35">
        <v>90</v>
      </c>
      <c r="R51" s="35" t="s">
        <v>90</v>
      </c>
      <c r="S51" s="35"/>
      <c r="T51" s="35" t="s">
        <v>31</v>
      </c>
      <c r="U51" s="35"/>
      <c r="V51" s="36" t="s">
        <v>37</v>
      </c>
      <c r="W51" s="35" t="s">
        <v>274</v>
      </c>
    </row>
    <row r="52" spans="1:23" s="34" customFormat="1" ht="19.899999999999999" customHeight="1">
      <c r="A52" s="31">
        <v>615340021</v>
      </c>
      <c r="B52" s="32"/>
      <c r="C52" s="33" t="s">
        <v>275</v>
      </c>
      <c r="D52" s="34" t="s">
        <v>137</v>
      </c>
      <c r="E52" s="32" t="s">
        <v>27</v>
      </c>
      <c r="F52" s="32" t="s">
        <v>276</v>
      </c>
      <c r="G52" s="32" t="s">
        <v>277</v>
      </c>
      <c r="H52" s="35"/>
      <c r="I52" s="35"/>
      <c r="J52" s="35" t="s">
        <v>108</v>
      </c>
      <c r="K52" s="37" t="s">
        <v>278</v>
      </c>
      <c r="L52" s="35"/>
      <c r="M52" s="35"/>
      <c r="N52" s="35" t="s">
        <v>279</v>
      </c>
      <c r="O52" s="35" t="s">
        <v>100</v>
      </c>
      <c r="P52" s="35">
        <v>360</v>
      </c>
      <c r="Q52" s="35"/>
      <c r="R52" s="35" t="s">
        <v>36</v>
      </c>
      <c r="S52" s="35"/>
      <c r="T52" s="35" t="s">
        <v>31</v>
      </c>
      <c r="U52" s="35"/>
      <c r="V52" s="36" t="s">
        <v>37</v>
      </c>
      <c r="W52" s="35" t="s">
        <v>280</v>
      </c>
    </row>
    <row r="53" spans="1:23" s="34" customFormat="1" ht="19.899999999999999" customHeight="1">
      <c r="A53" s="31">
        <v>615340022</v>
      </c>
      <c r="B53" s="32"/>
      <c r="C53" s="33" t="s">
        <v>281</v>
      </c>
      <c r="D53" s="34" t="s">
        <v>137</v>
      </c>
      <c r="E53" s="32" t="s">
        <v>27</v>
      </c>
      <c r="F53" s="32" t="s">
        <v>282</v>
      </c>
      <c r="G53" s="32" t="s">
        <v>283</v>
      </c>
      <c r="H53" s="35"/>
      <c r="I53" s="35"/>
      <c r="J53" s="35" t="s">
        <v>108</v>
      </c>
      <c r="K53" s="37" t="s">
        <v>278</v>
      </c>
      <c r="L53" s="35"/>
      <c r="M53" s="35"/>
      <c r="N53" s="35" t="s">
        <v>279</v>
      </c>
      <c r="O53" s="35" t="s">
        <v>100</v>
      </c>
      <c r="P53" s="35">
        <v>200</v>
      </c>
      <c r="Q53" s="35"/>
      <c r="R53" s="35" t="s">
        <v>36</v>
      </c>
      <c r="S53" s="35"/>
      <c r="T53" s="35" t="s">
        <v>31</v>
      </c>
      <c r="U53" s="35"/>
      <c r="V53" s="36" t="s">
        <v>37</v>
      </c>
      <c r="W53" s="35" t="s">
        <v>280</v>
      </c>
    </row>
    <row r="54" spans="1:23" s="34" customFormat="1" ht="19.899999999999999" customHeight="1">
      <c r="A54" s="31">
        <v>615340023</v>
      </c>
      <c r="B54" s="32"/>
      <c r="C54" s="33" t="s">
        <v>284</v>
      </c>
      <c r="D54" s="34" t="s">
        <v>137</v>
      </c>
      <c r="E54" s="32" t="s">
        <v>27</v>
      </c>
      <c r="F54" s="32" t="s">
        <v>282</v>
      </c>
      <c r="G54" s="32" t="s">
        <v>283</v>
      </c>
      <c r="H54" s="35"/>
      <c r="I54" s="35"/>
      <c r="J54" s="35" t="s">
        <v>108</v>
      </c>
      <c r="K54" s="37" t="s">
        <v>278</v>
      </c>
      <c r="L54" s="35"/>
      <c r="M54" s="35"/>
      <c r="N54" s="35" t="s">
        <v>279</v>
      </c>
      <c r="O54" s="35" t="s">
        <v>100</v>
      </c>
      <c r="P54" s="35">
        <v>400</v>
      </c>
      <c r="Q54" s="35"/>
      <c r="R54" s="35" t="s">
        <v>36</v>
      </c>
      <c r="S54" s="35"/>
      <c r="T54" s="35" t="s">
        <v>31</v>
      </c>
      <c r="U54" s="35"/>
      <c r="V54" s="36" t="s">
        <v>37</v>
      </c>
      <c r="W54" s="35" t="s">
        <v>280</v>
      </c>
    </row>
    <row r="55" spans="1:23" s="34" customFormat="1" ht="19.899999999999999" customHeight="1">
      <c r="A55" s="31">
        <v>615340028</v>
      </c>
      <c r="B55" s="32"/>
      <c r="C55" s="33" t="s">
        <v>285</v>
      </c>
      <c r="D55" s="34" t="s">
        <v>137</v>
      </c>
      <c r="E55" s="32" t="s">
        <v>27</v>
      </c>
      <c r="F55" s="32" t="s">
        <v>276</v>
      </c>
      <c r="G55" s="32" t="s">
        <v>286</v>
      </c>
      <c r="H55" s="35"/>
      <c r="I55" s="35"/>
      <c r="J55" s="35" t="s">
        <v>108</v>
      </c>
      <c r="K55" s="37" t="s">
        <v>278</v>
      </c>
      <c r="L55" s="35"/>
      <c r="M55" s="35"/>
      <c r="N55" s="35" t="s">
        <v>279</v>
      </c>
      <c r="O55" s="35" t="s">
        <v>100</v>
      </c>
      <c r="P55" s="35">
        <v>140</v>
      </c>
      <c r="Q55" s="35">
        <v>160</v>
      </c>
      <c r="R55" s="35" t="s">
        <v>36</v>
      </c>
      <c r="S55" s="35"/>
      <c r="T55" s="35" t="s">
        <v>31</v>
      </c>
      <c r="U55" s="35"/>
      <c r="V55" s="36" t="s">
        <v>37</v>
      </c>
      <c r="W55" s="35" t="s">
        <v>280</v>
      </c>
    </row>
    <row r="56" spans="1:23" s="34" customFormat="1" ht="19.899999999999999" customHeight="1">
      <c r="A56" s="31">
        <v>615340029</v>
      </c>
      <c r="B56" s="32"/>
      <c r="C56" s="33" t="s">
        <v>287</v>
      </c>
      <c r="D56" s="34" t="s">
        <v>137</v>
      </c>
      <c r="E56" s="32" t="s">
        <v>27</v>
      </c>
      <c r="F56" s="32" t="s">
        <v>276</v>
      </c>
      <c r="G56" s="32" t="s">
        <v>288</v>
      </c>
      <c r="H56" s="35"/>
      <c r="I56" s="35"/>
      <c r="J56" s="35" t="s">
        <v>108</v>
      </c>
      <c r="K56" s="37" t="s">
        <v>278</v>
      </c>
      <c r="L56" s="35"/>
      <c r="M56" s="35"/>
      <c r="N56" s="35" t="s">
        <v>279</v>
      </c>
      <c r="O56" s="35" t="s">
        <v>100</v>
      </c>
      <c r="P56" s="35">
        <v>180</v>
      </c>
      <c r="Q56" s="35">
        <v>220</v>
      </c>
      <c r="R56" s="35" t="s">
        <v>36</v>
      </c>
      <c r="S56" s="35"/>
      <c r="T56" s="35" t="s">
        <v>31</v>
      </c>
      <c r="U56" s="35"/>
      <c r="V56" s="36" t="s">
        <v>37</v>
      </c>
      <c r="W56" s="35" t="s">
        <v>280</v>
      </c>
    </row>
    <row r="57" spans="1:23" s="34" customFormat="1" ht="19.899999999999999" customHeight="1">
      <c r="A57" s="31">
        <v>615340030</v>
      </c>
      <c r="B57" s="38"/>
      <c r="C57" s="33" t="s">
        <v>289</v>
      </c>
      <c r="D57" s="34" t="s">
        <v>137</v>
      </c>
      <c r="E57" s="38" t="s">
        <v>27</v>
      </c>
      <c r="F57" s="38" t="s">
        <v>276</v>
      </c>
      <c r="G57" s="38" t="s">
        <v>290</v>
      </c>
      <c r="H57" s="39"/>
      <c r="I57" s="39"/>
      <c r="J57" s="39" t="s">
        <v>108</v>
      </c>
      <c r="K57" s="40" t="s">
        <v>278</v>
      </c>
      <c r="L57" s="39"/>
      <c r="M57" s="39"/>
      <c r="N57" s="39" t="s">
        <v>279</v>
      </c>
      <c r="O57" s="39" t="s">
        <v>100</v>
      </c>
      <c r="P57" s="39">
        <v>300</v>
      </c>
      <c r="Q57" s="39">
        <v>330</v>
      </c>
      <c r="R57" s="39" t="s">
        <v>36</v>
      </c>
      <c r="S57" s="39"/>
      <c r="T57" s="39" t="s">
        <v>31</v>
      </c>
      <c r="U57" s="39"/>
      <c r="V57" s="36" t="s">
        <v>37</v>
      </c>
      <c r="W57" s="39" t="s">
        <v>280</v>
      </c>
    </row>
    <row r="58" spans="1:23" s="34" customFormat="1" ht="19.899999999999999" customHeight="1">
      <c r="A58" s="31">
        <v>331330031</v>
      </c>
      <c r="B58" s="38"/>
      <c r="C58" s="33" t="s">
        <v>291</v>
      </c>
      <c r="D58" s="34" t="s">
        <v>135</v>
      </c>
      <c r="E58" s="38" t="s">
        <v>292</v>
      </c>
      <c r="F58" s="38" t="s">
        <v>293</v>
      </c>
      <c r="G58" s="38"/>
      <c r="H58" s="39"/>
      <c r="I58" s="39"/>
      <c r="J58" s="39" t="s">
        <v>294</v>
      </c>
      <c r="K58" s="40" t="s">
        <v>295</v>
      </c>
      <c r="L58" s="39"/>
      <c r="M58" s="39"/>
      <c r="N58" s="39" t="s">
        <v>296</v>
      </c>
      <c r="O58" s="39" t="s">
        <v>297</v>
      </c>
      <c r="P58" s="39">
        <v>20</v>
      </c>
      <c r="Q58" s="39">
        <v>45</v>
      </c>
      <c r="R58" s="39" t="s">
        <v>90</v>
      </c>
      <c r="S58" s="39"/>
      <c r="T58" s="39" t="s">
        <v>76</v>
      </c>
      <c r="U58" s="39"/>
      <c r="V58" s="36" t="s">
        <v>37</v>
      </c>
      <c r="W58" s="39" t="s">
        <v>298</v>
      </c>
    </row>
    <row r="59" spans="1:23" s="34" customFormat="1" ht="19.899999999999999" customHeight="1">
      <c r="A59" s="31">
        <v>331330030</v>
      </c>
      <c r="B59" s="38"/>
      <c r="C59" s="33" t="s">
        <v>299</v>
      </c>
      <c r="D59" s="34" t="s">
        <v>135</v>
      </c>
      <c r="E59" s="38" t="s">
        <v>292</v>
      </c>
      <c r="F59" s="38" t="s">
        <v>293</v>
      </c>
      <c r="G59" s="38"/>
      <c r="H59" s="39"/>
      <c r="I59" s="39"/>
      <c r="J59" s="39" t="s">
        <v>294</v>
      </c>
      <c r="K59" s="40" t="s">
        <v>295</v>
      </c>
      <c r="L59" s="39"/>
      <c r="M59" s="39"/>
      <c r="N59" s="39" t="s">
        <v>296</v>
      </c>
      <c r="O59" s="39" t="s">
        <v>297</v>
      </c>
      <c r="P59" s="39">
        <v>50</v>
      </c>
      <c r="Q59" s="39">
        <v>130</v>
      </c>
      <c r="R59" s="39" t="s">
        <v>90</v>
      </c>
      <c r="S59" s="39"/>
      <c r="T59" s="39" t="s">
        <v>76</v>
      </c>
      <c r="U59" s="39"/>
      <c r="V59" s="36" t="s">
        <v>37</v>
      </c>
      <c r="W59" s="39" t="s">
        <v>298</v>
      </c>
    </row>
  </sheetData>
  <mergeCells count="18"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1T08:09:14Z</dcterms:modified>
</cp:coreProperties>
</file>